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2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112FB35E-8FA6-475D-8ABF-AA1B3BD3313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8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1" uniqueCount="94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株式会社QOLサービス</t>
  </si>
  <si>
    <t>60,500（通常）49,800（キャンペーン価格※適用条件有）、49,500（生活援助従事者研修修了者）</t>
  </si>
  <si>
    <t>※各項目の▼マークをクリックされると、絞込み検索や並べ替えができます。
　オプション機能を使うと、細かい条件で検索できます。複数の項目で、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通学</t>
  </si>
  <si>
    <t>地域交流室・研修室2階</t>
  </si>
  <si>
    <t>株式会社Ｂ・Ｏ・Ｈ</t>
  </si>
  <si>
    <t>HAPPY CAREスクール研修室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120-16-8351</t>
  </si>
  <si>
    <t>広島市南区稲荷町4-5尾崎ビル6階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084-965-6500</t>
  </si>
  <si>
    <t>福山市神辺町新道上字二丁目10番26号フジグラン神辺
（介護・看護・障がい・保育求人支援センター福山）</t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82-259-3801</t>
  </si>
  <si>
    <t>広島市南区東雲3丁目7-12-204号</t>
    <rPh sb="0" eb="3">
      <t>ヒロシマシ</t>
    </rPh>
    <rPh sb="3" eb="5">
      <t>ミナミク</t>
    </rPh>
    <rPh sb="5" eb="7">
      <t>シノノメ</t>
    </rPh>
    <rPh sb="8" eb="10">
      <t>チョウメ</t>
    </rPh>
    <rPh sb="18" eb="19">
      <t>ゴウ</t>
    </rPh>
    <phoneticPr fontId="2"/>
  </si>
  <si>
    <t xml:space="preserve">
サンキ・ウエルビィ株式会社2階大会議室</t>
  </si>
  <si>
    <t>社会福祉法人呉市社会福祉協議会</t>
  </si>
  <si>
    <t>呉市福祉会館会議室2</t>
  </si>
  <si>
    <t>株式会社つなぐ</t>
  </si>
  <si>
    <t>つなぐ訪問介護事業所</t>
  </si>
  <si>
    <t>合同会社SHERPA</t>
  </si>
  <si>
    <t>介護の学校まる</t>
  </si>
  <si>
    <t>東広島市</t>
  </si>
  <si>
    <t>株式会社クォーレ</t>
  </si>
  <si>
    <t>株式会社クォーレ
五日市研修センター</t>
  </si>
  <si>
    <t>広島市佐伯区</t>
  </si>
  <si>
    <t>特定非営利活動法人Social Care Good</t>
    <phoneticPr fontId="2"/>
  </si>
  <si>
    <t>082-427-2580</t>
    <phoneticPr fontId="2"/>
  </si>
  <si>
    <t>東広島市八本松東3丁目17-27</t>
    <rPh sb="0" eb="4">
      <t>ヒガシヒロシマシ</t>
    </rPh>
    <rPh sb="4" eb="8">
      <t>ハチホンマツヒガシ</t>
    </rPh>
    <rPh sb="9" eb="11">
      <t>チョウメ</t>
    </rPh>
    <phoneticPr fontId="2"/>
  </si>
  <si>
    <t>082-299-7277</t>
    <phoneticPr fontId="2"/>
  </si>
  <si>
    <t>広島市西区楠木町1丁目13-6</t>
    <rPh sb="3" eb="5">
      <t>ニシク</t>
    </rPh>
    <rPh sb="5" eb="6">
      <t>クスノキ</t>
    </rPh>
    <rPh sb="6" eb="7">
      <t>キ</t>
    </rPh>
    <rPh sb="7" eb="8">
      <t>マチ</t>
    </rPh>
    <rPh sb="9" eb="11">
      <t>チョウメ</t>
    </rPh>
    <phoneticPr fontId="2"/>
  </si>
  <si>
    <t>0823-21-5013</t>
    <phoneticPr fontId="2"/>
  </si>
  <si>
    <t>呉市中央5丁目12-21</t>
    <rPh sb="0" eb="2">
      <t>クレシ</t>
    </rPh>
    <rPh sb="2" eb="4">
      <t>チュウオウ</t>
    </rPh>
    <rPh sb="5" eb="7">
      <t>チョウメ</t>
    </rPh>
    <phoneticPr fontId="2"/>
  </si>
  <si>
    <t>082-943-9090</t>
  </si>
  <si>
    <t>広島市佐伯区観音台2丁目30番6号</t>
  </si>
  <si>
    <t>サンキ・ウエルビィ小規模多機能センター今保会議室</t>
  </si>
  <si>
    <t>岡山市北区</t>
  </si>
  <si>
    <t>社会福祉法人緑寿会</t>
  </si>
  <si>
    <t>特別養護老人ホーム新山荘</t>
  </si>
  <si>
    <t>一般（訪問介護員2級課程修了以上，看護師，准看護師，介護福祉士等の資格取得者・各種学校に在学中の者を除く）</t>
  </si>
  <si>
    <t>一般社団法人福祉キャリアセンター</t>
  </si>
  <si>
    <t>総合福祉センター多目的ホール</t>
  </si>
  <si>
    <t>大竹市</t>
  </si>
  <si>
    <t>ホリスケアアカデミー南観音会場</t>
  </si>
  <si>
    <t>２０２６年４月１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限定
（求職者支援訓練）</t>
    <phoneticPr fontId="2"/>
  </si>
  <si>
    <t>受講料無料、
テキスト代5,500</t>
    <phoneticPr fontId="2"/>
  </si>
  <si>
    <t>084-962-0088</t>
    <phoneticPr fontId="2"/>
  </si>
  <si>
    <t>082-247-7333</t>
  </si>
  <si>
    <t>広島市中区吉島東1丁目22-2</t>
  </si>
  <si>
    <t>福山市神辺町川北1482番地
（リーフ神辺）</t>
    <rPh sb="5" eb="6">
      <t>マチ</t>
    </rPh>
    <rPh sb="6" eb="8">
      <t>カワキタ</t>
    </rPh>
    <rPh sb="12" eb="14">
      <t>バンチ</t>
    </rPh>
    <rPh sb="19" eb="21">
      <t>カンナベ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0" fontId="4" fillId="0" borderId="1" xfId="1" applyNumberFormat="1" applyFont="1" applyBorder="1" applyAlignment="1">
      <alignment horizontal="center" vertical="center" wrapText="1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8"/>
  <sheetViews>
    <sheetView tabSelected="1" topLeftCell="A27" zoomScale="85" zoomScaleNormal="85" workbookViewId="0">
      <selection activeCell="J29" sqref="J29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6" t="s">
        <v>8</v>
      </c>
      <c r="C1" s="36"/>
      <c r="D1" s="36"/>
      <c r="E1" s="36"/>
      <c r="F1" s="36"/>
      <c r="G1" s="36"/>
      <c r="H1" s="36"/>
      <c r="I1" s="36"/>
      <c r="J1" s="36"/>
      <c r="K1" s="36"/>
      <c r="L1" s="38"/>
      <c r="M1" s="39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37" t="s">
        <v>37</v>
      </c>
      <c r="C3" s="37"/>
      <c r="D3" s="37"/>
      <c r="E3" s="37"/>
      <c r="F3" s="37"/>
      <c r="G3" s="37"/>
      <c r="H3" s="37"/>
      <c r="I3" s="37"/>
      <c r="J3" s="37"/>
      <c r="K3" s="37"/>
      <c r="L3" s="37"/>
      <c r="M3" s="37"/>
    </row>
    <row r="4" spans="1:13" ht="17.25" x14ac:dyDescent="0.2">
      <c r="A4" s="11"/>
      <c r="B4" s="41"/>
      <c r="C4" s="41"/>
      <c r="D4" s="41"/>
      <c r="E4" s="10"/>
      <c r="F4" s="10"/>
      <c r="G4" s="10"/>
      <c r="H4" s="10"/>
      <c r="I4" s="10"/>
      <c r="J4" s="10"/>
      <c r="K4" s="40"/>
      <c r="L4" s="40"/>
      <c r="M4" s="17" t="s">
        <v>87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0</v>
      </c>
      <c r="E5" s="19" t="s">
        <v>1</v>
      </c>
      <c r="F5" s="19" t="s">
        <v>2</v>
      </c>
      <c r="G5" s="19" t="s">
        <v>11</v>
      </c>
      <c r="H5" s="19" t="s">
        <v>4</v>
      </c>
      <c r="I5" s="19" t="s">
        <v>5</v>
      </c>
      <c r="J5" s="19" t="s">
        <v>9</v>
      </c>
      <c r="K5" s="19" t="s">
        <v>22</v>
      </c>
      <c r="L5" s="20" t="s">
        <v>6</v>
      </c>
      <c r="M5" s="21" t="s">
        <v>7</v>
      </c>
    </row>
    <row r="6" spans="1:13" ht="87.75" customHeight="1" x14ac:dyDescent="0.15">
      <c r="A6" s="7">
        <v>1</v>
      </c>
      <c r="B6" s="22" t="s">
        <v>40</v>
      </c>
      <c r="C6" s="22" t="s">
        <v>41</v>
      </c>
      <c r="D6" s="22" t="s">
        <v>27</v>
      </c>
      <c r="E6" s="23" t="s">
        <v>12</v>
      </c>
      <c r="F6" s="24" t="s">
        <v>38</v>
      </c>
      <c r="G6" s="25">
        <v>46134</v>
      </c>
      <c r="H6" s="26">
        <v>46224</v>
      </c>
      <c r="I6" s="32">
        <v>15</v>
      </c>
      <c r="J6" s="31" t="s">
        <v>88</v>
      </c>
      <c r="K6" s="28" t="s">
        <v>89</v>
      </c>
      <c r="L6" s="33" t="s">
        <v>56</v>
      </c>
      <c r="M6" s="33" t="s">
        <v>57</v>
      </c>
    </row>
    <row r="7" spans="1:13" ht="92.25" customHeight="1" x14ac:dyDescent="0.15">
      <c r="A7" s="7">
        <v>2</v>
      </c>
      <c r="B7" s="22" t="s">
        <v>28</v>
      </c>
      <c r="C7" s="22" t="s">
        <v>29</v>
      </c>
      <c r="D7" s="22" t="s">
        <v>15</v>
      </c>
      <c r="E7" s="23" t="s">
        <v>12</v>
      </c>
      <c r="F7" s="24" t="s">
        <v>13</v>
      </c>
      <c r="G7" s="25">
        <v>46114</v>
      </c>
      <c r="H7" s="26">
        <v>46226</v>
      </c>
      <c r="I7" s="32">
        <v>20</v>
      </c>
      <c r="J7" s="27" t="s">
        <v>14</v>
      </c>
      <c r="K7" s="30">
        <v>34800</v>
      </c>
      <c r="L7" s="33" t="s">
        <v>52</v>
      </c>
      <c r="M7" s="34" t="s">
        <v>53</v>
      </c>
    </row>
    <row r="8" spans="1:13" ht="107.25" customHeight="1" x14ac:dyDescent="0.15">
      <c r="A8" s="7">
        <v>3</v>
      </c>
      <c r="B8" s="22" t="s">
        <v>61</v>
      </c>
      <c r="C8" s="22" t="s">
        <v>62</v>
      </c>
      <c r="D8" s="22" t="s">
        <v>23</v>
      </c>
      <c r="E8" s="23" t="s">
        <v>12</v>
      </c>
      <c r="F8" s="24" t="s">
        <v>13</v>
      </c>
      <c r="G8" s="25">
        <v>46117</v>
      </c>
      <c r="H8" s="26">
        <v>46215</v>
      </c>
      <c r="I8" s="32">
        <v>20</v>
      </c>
      <c r="J8" s="27" t="s">
        <v>14</v>
      </c>
      <c r="K8" s="30">
        <v>40000</v>
      </c>
      <c r="L8" s="33" t="s">
        <v>72</v>
      </c>
      <c r="M8" s="34" t="s">
        <v>73</v>
      </c>
    </row>
    <row r="9" spans="1:13" ht="102.75" customHeight="1" x14ac:dyDescent="0.15">
      <c r="A9" s="7">
        <v>4</v>
      </c>
      <c r="B9" s="22" t="s">
        <v>33</v>
      </c>
      <c r="C9" s="29" t="s">
        <v>58</v>
      </c>
      <c r="D9" s="22" t="s">
        <v>23</v>
      </c>
      <c r="E9" s="23" t="s">
        <v>12</v>
      </c>
      <c r="F9" s="24" t="s">
        <v>13</v>
      </c>
      <c r="G9" s="25">
        <v>46118</v>
      </c>
      <c r="H9" s="26">
        <v>46150</v>
      </c>
      <c r="I9" s="32">
        <v>10</v>
      </c>
      <c r="J9" s="27" t="s">
        <v>14</v>
      </c>
      <c r="K9" s="30">
        <v>44000</v>
      </c>
      <c r="L9" s="33" t="s">
        <v>46</v>
      </c>
      <c r="M9" s="34" t="s">
        <v>47</v>
      </c>
    </row>
    <row r="10" spans="1:13" ht="89.25" customHeight="1" x14ac:dyDescent="0.15">
      <c r="A10" s="7">
        <v>5</v>
      </c>
      <c r="B10" s="22" t="s">
        <v>25</v>
      </c>
      <c r="C10" s="22" t="s">
        <v>26</v>
      </c>
      <c r="D10" s="22" t="s">
        <v>27</v>
      </c>
      <c r="E10" s="23" t="s">
        <v>12</v>
      </c>
      <c r="F10" s="24" t="s">
        <v>13</v>
      </c>
      <c r="G10" s="25">
        <v>46119</v>
      </c>
      <c r="H10" s="26">
        <v>46170</v>
      </c>
      <c r="I10" s="32">
        <v>20</v>
      </c>
      <c r="J10" s="27" t="s">
        <v>14</v>
      </c>
      <c r="K10" s="30">
        <v>29700</v>
      </c>
      <c r="L10" s="33" t="s">
        <v>48</v>
      </c>
      <c r="M10" s="34" t="s">
        <v>49</v>
      </c>
    </row>
    <row r="11" spans="1:13" ht="94.5" customHeight="1" x14ac:dyDescent="0.15">
      <c r="A11" s="7">
        <v>6</v>
      </c>
      <c r="B11" s="22" t="s">
        <v>66</v>
      </c>
      <c r="C11" s="22" t="s">
        <v>67</v>
      </c>
      <c r="D11" s="22" t="s">
        <v>68</v>
      </c>
      <c r="E11" s="23" t="s">
        <v>12</v>
      </c>
      <c r="F11" s="24" t="s">
        <v>13</v>
      </c>
      <c r="G11" s="25">
        <v>46119</v>
      </c>
      <c r="H11" s="26">
        <v>46183</v>
      </c>
      <c r="I11" s="32">
        <v>20</v>
      </c>
      <c r="J11" s="27" t="s">
        <v>14</v>
      </c>
      <c r="K11" s="30">
        <v>72600</v>
      </c>
      <c r="L11" s="33" t="s">
        <v>76</v>
      </c>
      <c r="M11" s="33" t="s">
        <v>77</v>
      </c>
    </row>
    <row r="12" spans="1:13" ht="97.5" customHeight="1" x14ac:dyDescent="0.15">
      <c r="A12" s="7">
        <v>7</v>
      </c>
      <c r="B12" s="22" t="s">
        <v>80</v>
      </c>
      <c r="C12" s="22" t="s">
        <v>81</v>
      </c>
      <c r="D12" s="22" t="s">
        <v>15</v>
      </c>
      <c r="E12" s="23" t="s">
        <v>12</v>
      </c>
      <c r="F12" s="24" t="s">
        <v>13</v>
      </c>
      <c r="G12" s="25">
        <v>46121</v>
      </c>
      <c r="H12" s="26">
        <v>46212</v>
      </c>
      <c r="I12" s="32">
        <v>20</v>
      </c>
      <c r="J12" s="27" t="s">
        <v>14</v>
      </c>
      <c r="K12" s="30">
        <v>50000</v>
      </c>
      <c r="L12" s="33" t="s">
        <v>90</v>
      </c>
      <c r="M12" s="34" t="s">
        <v>93</v>
      </c>
    </row>
    <row r="13" spans="1:13" ht="81.75" customHeight="1" x14ac:dyDescent="0.15">
      <c r="A13" s="7">
        <v>8</v>
      </c>
      <c r="B13" s="22" t="s">
        <v>35</v>
      </c>
      <c r="C13" s="22" t="s">
        <v>39</v>
      </c>
      <c r="D13" s="22" t="s">
        <v>15</v>
      </c>
      <c r="E13" s="23" t="s">
        <v>12</v>
      </c>
      <c r="F13" s="24" t="s">
        <v>13</v>
      </c>
      <c r="G13" s="25">
        <v>46123</v>
      </c>
      <c r="H13" s="26">
        <v>46221</v>
      </c>
      <c r="I13" s="32">
        <v>25</v>
      </c>
      <c r="J13" s="27" t="s">
        <v>14</v>
      </c>
      <c r="K13" s="28" t="s">
        <v>36</v>
      </c>
      <c r="L13" s="33" t="s">
        <v>54</v>
      </c>
      <c r="M13" s="34" t="s">
        <v>55</v>
      </c>
    </row>
    <row r="14" spans="1:13" ht="80.25" customHeight="1" x14ac:dyDescent="0.15">
      <c r="A14" s="7">
        <v>9</v>
      </c>
      <c r="B14" s="22" t="s">
        <v>16</v>
      </c>
      <c r="C14" s="22" t="s">
        <v>20</v>
      </c>
      <c r="D14" s="22" t="s">
        <v>17</v>
      </c>
      <c r="E14" s="23" t="s">
        <v>12</v>
      </c>
      <c r="F14" s="24" t="s">
        <v>13</v>
      </c>
      <c r="G14" s="25">
        <v>46127</v>
      </c>
      <c r="H14" s="26">
        <v>46246</v>
      </c>
      <c r="I14" s="32">
        <v>20</v>
      </c>
      <c r="J14" s="27" t="s">
        <v>14</v>
      </c>
      <c r="K14" s="30">
        <v>88000</v>
      </c>
      <c r="L14" s="33" t="s">
        <v>42</v>
      </c>
      <c r="M14" s="34" t="s">
        <v>43</v>
      </c>
    </row>
    <row r="15" spans="1:13" ht="93" customHeight="1" x14ac:dyDescent="0.15">
      <c r="A15" s="7">
        <v>10</v>
      </c>
      <c r="B15" s="22" t="s">
        <v>63</v>
      </c>
      <c r="C15" s="22" t="s">
        <v>64</v>
      </c>
      <c r="D15" s="22" t="s">
        <v>65</v>
      </c>
      <c r="E15" s="23" t="s">
        <v>12</v>
      </c>
      <c r="F15" s="24" t="s">
        <v>13</v>
      </c>
      <c r="G15" s="25">
        <v>46127</v>
      </c>
      <c r="H15" s="26">
        <v>46225</v>
      </c>
      <c r="I15" s="32">
        <v>15</v>
      </c>
      <c r="J15" s="27" t="s">
        <v>14</v>
      </c>
      <c r="K15" s="30">
        <v>69300</v>
      </c>
      <c r="L15" s="33" t="s">
        <v>70</v>
      </c>
      <c r="M15" s="34" t="s">
        <v>71</v>
      </c>
    </row>
    <row r="16" spans="1:13" ht="79.5" customHeight="1" x14ac:dyDescent="0.15">
      <c r="A16" s="7">
        <v>11</v>
      </c>
      <c r="B16" s="22" t="s">
        <v>16</v>
      </c>
      <c r="C16" s="22" t="s">
        <v>19</v>
      </c>
      <c r="D16" s="22" t="s">
        <v>18</v>
      </c>
      <c r="E16" s="23" t="s">
        <v>12</v>
      </c>
      <c r="F16" s="24" t="s">
        <v>13</v>
      </c>
      <c r="G16" s="25">
        <v>46130</v>
      </c>
      <c r="H16" s="26">
        <v>46235</v>
      </c>
      <c r="I16" s="32">
        <v>15</v>
      </c>
      <c r="J16" s="27" t="s">
        <v>14</v>
      </c>
      <c r="K16" s="30">
        <v>88000</v>
      </c>
      <c r="L16" s="33" t="s">
        <v>44</v>
      </c>
      <c r="M16" s="34" t="s">
        <v>45</v>
      </c>
    </row>
    <row r="17" spans="1:13" ht="86.25" customHeight="1" x14ac:dyDescent="0.15">
      <c r="A17" s="7">
        <v>12</v>
      </c>
      <c r="B17" s="22" t="s">
        <v>63</v>
      </c>
      <c r="C17" s="22" t="s">
        <v>64</v>
      </c>
      <c r="D17" s="22" t="s">
        <v>65</v>
      </c>
      <c r="E17" s="23" t="s">
        <v>12</v>
      </c>
      <c r="F17" s="24" t="s">
        <v>13</v>
      </c>
      <c r="G17" s="25">
        <v>46130</v>
      </c>
      <c r="H17" s="26">
        <v>46228</v>
      </c>
      <c r="I17" s="32">
        <v>15</v>
      </c>
      <c r="J17" s="27" t="s">
        <v>14</v>
      </c>
      <c r="K17" s="30">
        <v>69300</v>
      </c>
      <c r="L17" s="33" t="s">
        <v>70</v>
      </c>
      <c r="M17" s="34" t="s">
        <v>71</v>
      </c>
    </row>
    <row r="18" spans="1:13" ht="79.5" customHeight="1" x14ac:dyDescent="0.15">
      <c r="A18" s="7">
        <v>13</v>
      </c>
      <c r="B18" s="22" t="s">
        <v>16</v>
      </c>
      <c r="C18" s="22" t="s">
        <v>24</v>
      </c>
      <c r="D18" s="22" t="s">
        <v>23</v>
      </c>
      <c r="E18" s="23" t="s">
        <v>12</v>
      </c>
      <c r="F18" s="24" t="s">
        <v>13</v>
      </c>
      <c r="G18" s="25">
        <v>46132</v>
      </c>
      <c r="H18" s="26">
        <v>46251</v>
      </c>
      <c r="I18" s="32">
        <v>15</v>
      </c>
      <c r="J18" s="27" t="s">
        <v>14</v>
      </c>
      <c r="K18" s="30">
        <v>88000</v>
      </c>
      <c r="L18" s="33" t="s">
        <v>42</v>
      </c>
      <c r="M18" s="34" t="s">
        <v>43</v>
      </c>
    </row>
    <row r="19" spans="1:13" ht="90" customHeight="1" x14ac:dyDescent="0.15">
      <c r="A19" s="7">
        <v>14</v>
      </c>
      <c r="B19" s="22" t="s">
        <v>16</v>
      </c>
      <c r="C19" s="22" t="s">
        <v>30</v>
      </c>
      <c r="D19" s="22" t="s">
        <v>31</v>
      </c>
      <c r="E19" s="23" t="s">
        <v>12</v>
      </c>
      <c r="F19" s="24" t="s">
        <v>13</v>
      </c>
      <c r="G19" s="25">
        <v>46136</v>
      </c>
      <c r="H19" s="26">
        <v>46241</v>
      </c>
      <c r="I19" s="32">
        <v>20</v>
      </c>
      <c r="J19" s="27" t="s">
        <v>14</v>
      </c>
      <c r="K19" s="30">
        <v>88000</v>
      </c>
      <c r="L19" s="33" t="s">
        <v>42</v>
      </c>
      <c r="M19" s="34" t="s">
        <v>43</v>
      </c>
    </row>
    <row r="20" spans="1:13" ht="89.25" customHeight="1" x14ac:dyDescent="0.15">
      <c r="A20" s="7">
        <v>15</v>
      </c>
      <c r="B20" s="22" t="s">
        <v>33</v>
      </c>
      <c r="C20" s="29" t="s">
        <v>78</v>
      </c>
      <c r="D20" s="22" t="s">
        <v>79</v>
      </c>
      <c r="E20" s="23" t="s">
        <v>12</v>
      </c>
      <c r="F20" s="24" t="s">
        <v>13</v>
      </c>
      <c r="G20" s="25">
        <v>46155</v>
      </c>
      <c r="H20" s="26">
        <v>46197</v>
      </c>
      <c r="I20" s="32">
        <v>10</v>
      </c>
      <c r="J20" s="27" t="s">
        <v>14</v>
      </c>
      <c r="K20" s="30">
        <v>33000</v>
      </c>
      <c r="L20" s="33" t="s">
        <v>46</v>
      </c>
      <c r="M20" s="34" t="s">
        <v>47</v>
      </c>
    </row>
    <row r="21" spans="1:13" ht="95.25" customHeight="1" x14ac:dyDescent="0.15">
      <c r="A21" s="7">
        <v>16</v>
      </c>
      <c r="B21" s="35" t="s">
        <v>69</v>
      </c>
      <c r="C21" s="22" t="s">
        <v>21</v>
      </c>
      <c r="D21" s="22" t="s">
        <v>17</v>
      </c>
      <c r="E21" s="23" t="s">
        <v>12</v>
      </c>
      <c r="F21" s="24" t="s">
        <v>13</v>
      </c>
      <c r="G21" s="25">
        <v>46156</v>
      </c>
      <c r="H21" s="26">
        <v>46247</v>
      </c>
      <c r="I21" s="32">
        <v>20</v>
      </c>
      <c r="J21" s="27" t="s">
        <v>14</v>
      </c>
      <c r="K21" s="30">
        <v>59400</v>
      </c>
      <c r="L21" s="33" t="s">
        <v>50</v>
      </c>
      <c r="M21" s="34" t="s">
        <v>51</v>
      </c>
    </row>
    <row r="22" spans="1:13" ht="96.75" customHeight="1" x14ac:dyDescent="0.15">
      <c r="A22" s="7">
        <v>17</v>
      </c>
      <c r="B22" s="22" t="s">
        <v>16</v>
      </c>
      <c r="C22" s="22" t="s">
        <v>30</v>
      </c>
      <c r="D22" s="22" t="s">
        <v>31</v>
      </c>
      <c r="E22" s="23" t="s">
        <v>12</v>
      </c>
      <c r="F22" s="24" t="s">
        <v>13</v>
      </c>
      <c r="G22" s="25">
        <v>46160</v>
      </c>
      <c r="H22" s="26">
        <v>46272</v>
      </c>
      <c r="I22" s="32">
        <v>20</v>
      </c>
      <c r="J22" s="27" t="s">
        <v>14</v>
      </c>
      <c r="K22" s="30">
        <v>88000</v>
      </c>
      <c r="L22" s="33" t="s">
        <v>42</v>
      </c>
      <c r="M22" s="34" t="s">
        <v>43</v>
      </c>
    </row>
    <row r="23" spans="1:13" ht="76.5" customHeight="1" x14ac:dyDescent="0.15">
      <c r="A23" s="7">
        <v>18</v>
      </c>
      <c r="B23" s="29" t="s">
        <v>59</v>
      </c>
      <c r="C23" s="22" t="s">
        <v>60</v>
      </c>
      <c r="D23" s="22" t="s">
        <v>31</v>
      </c>
      <c r="E23" s="23" t="s">
        <v>12</v>
      </c>
      <c r="F23" s="24" t="s">
        <v>13</v>
      </c>
      <c r="G23" s="25">
        <v>46163</v>
      </c>
      <c r="H23" s="26">
        <v>46289</v>
      </c>
      <c r="I23" s="32">
        <v>20</v>
      </c>
      <c r="J23" s="31" t="s">
        <v>82</v>
      </c>
      <c r="K23" s="30">
        <v>50000</v>
      </c>
      <c r="L23" s="33" t="s">
        <v>74</v>
      </c>
      <c r="M23" s="34" t="s">
        <v>75</v>
      </c>
    </row>
    <row r="24" spans="1:13" ht="77.25" customHeight="1" x14ac:dyDescent="0.15">
      <c r="A24" s="7">
        <v>19</v>
      </c>
      <c r="B24" s="22" t="s">
        <v>16</v>
      </c>
      <c r="C24" s="22" t="s">
        <v>32</v>
      </c>
      <c r="D24" s="22" t="s">
        <v>15</v>
      </c>
      <c r="E24" s="23" t="s">
        <v>12</v>
      </c>
      <c r="F24" s="24" t="s">
        <v>13</v>
      </c>
      <c r="G24" s="25">
        <v>46163</v>
      </c>
      <c r="H24" s="26">
        <v>46219</v>
      </c>
      <c r="I24" s="32">
        <v>10</v>
      </c>
      <c r="J24" s="27" t="s">
        <v>14</v>
      </c>
      <c r="K24" s="30">
        <v>88000</v>
      </c>
      <c r="L24" s="33" t="s">
        <v>44</v>
      </c>
      <c r="M24" s="34" t="s">
        <v>45</v>
      </c>
    </row>
    <row r="25" spans="1:13" ht="89.25" customHeight="1" x14ac:dyDescent="0.15">
      <c r="A25" s="7">
        <v>20</v>
      </c>
      <c r="B25" s="22" t="s">
        <v>16</v>
      </c>
      <c r="C25" s="22" t="s">
        <v>20</v>
      </c>
      <c r="D25" s="22" t="s">
        <v>17</v>
      </c>
      <c r="E25" s="23" t="s">
        <v>12</v>
      </c>
      <c r="F25" s="24" t="s">
        <v>13</v>
      </c>
      <c r="G25" s="25">
        <v>46163</v>
      </c>
      <c r="H25" s="26">
        <v>46275</v>
      </c>
      <c r="I25" s="32">
        <v>20</v>
      </c>
      <c r="J25" s="27" t="s">
        <v>14</v>
      </c>
      <c r="K25" s="30">
        <v>88000</v>
      </c>
      <c r="L25" s="33" t="s">
        <v>42</v>
      </c>
      <c r="M25" s="34" t="s">
        <v>43</v>
      </c>
    </row>
    <row r="26" spans="1:13" ht="96.75" customHeight="1" x14ac:dyDescent="0.15">
      <c r="A26" s="7">
        <v>21</v>
      </c>
      <c r="B26" s="22" t="s">
        <v>16</v>
      </c>
      <c r="C26" s="22" t="s">
        <v>20</v>
      </c>
      <c r="D26" s="22" t="s">
        <v>17</v>
      </c>
      <c r="E26" s="23" t="s">
        <v>12</v>
      </c>
      <c r="F26" s="24" t="s">
        <v>13</v>
      </c>
      <c r="G26" s="25">
        <v>46166</v>
      </c>
      <c r="H26" s="26">
        <v>46278</v>
      </c>
      <c r="I26" s="32">
        <v>20</v>
      </c>
      <c r="J26" s="27" t="s">
        <v>14</v>
      </c>
      <c r="K26" s="30">
        <v>88000</v>
      </c>
      <c r="L26" s="33" t="s">
        <v>42</v>
      </c>
      <c r="M26" s="34" t="s">
        <v>43</v>
      </c>
    </row>
    <row r="27" spans="1:13" ht="114.75" customHeight="1" x14ac:dyDescent="0.15">
      <c r="A27" s="7">
        <v>22</v>
      </c>
      <c r="B27" s="22" t="s">
        <v>16</v>
      </c>
      <c r="C27" s="22" t="s">
        <v>19</v>
      </c>
      <c r="D27" s="22" t="s">
        <v>18</v>
      </c>
      <c r="E27" s="23" t="s">
        <v>12</v>
      </c>
      <c r="F27" s="24" t="s">
        <v>13</v>
      </c>
      <c r="G27" s="25">
        <v>46169</v>
      </c>
      <c r="H27" s="26">
        <v>46272</v>
      </c>
      <c r="I27" s="32">
        <v>15</v>
      </c>
      <c r="J27" s="27" t="s">
        <v>14</v>
      </c>
      <c r="K27" s="30">
        <v>88000</v>
      </c>
      <c r="L27" s="33" t="s">
        <v>44</v>
      </c>
      <c r="M27" s="34" t="s">
        <v>45</v>
      </c>
    </row>
    <row r="28" spans="1:13" ht="71.25" customHeight="1" x14ac:dyDescent="0.15">
      <c r="A28" s="7">
        <v>23</v>
      </c>
      <c r="B28" s="22" t="s">
        <v>16</v>
      </c>
      <c r="C28" s="22" t="s">
        <v>24</v>
      </c>
      <c r="D28" s="22" t="s">
        <v>23</v>
      </c>
      <c r="E28" s="23" t="s">
        <v>12</v>
      </c>
      <c r="F28" s="24" t="s">
        <v>13</v>
      </c>
      <c r="G28" s="25">
        <v>46171</v>
      </c>
      <c r="H28" s="26">
        <v>46224</v>
      </c>
      <c r="I28" s="32">
        <v>15</v>
      </c>
      <c r="J28" s="27" t="s">
        <v>14</v>
      </c>
      <c r="K28" s="30">
        <v>88000</v>
      </c>
      <c r="L28" s="33" t="s">
        <v>42</v>
      </c>
      <c r="M28" s="34" t="s">
        <v>43</v>
      </c>
    </row>
    <row r="29" spans="1:13" ht="82.5" customHeight="1" x14ac:dyDescent="0.15">
      <c r="A29" s="7">
        <v>24</v>
      </c>
      <c r="B29" s="22" t="s">
        <v>25</v>
      </c>
      <c r="C29" s="22" t="s">
        <v>26</v>
      </c>
      <c r="D29" s="22" t="s">
        <v>27</v>
      </c>
      <c r="E29" s="23" t="s">
        <v>12</v>
      </c>
      <c r="F29" s="24" t="s">
        <v>13</v>
      </c>
      <c r="G29" s="25">
        <v>46173</v>
      </c>
      <c r="H29" s="26">
        <v>46278</v>
      </c>
      <c r="I29" s="32">
        <v>20</v>
      </c>
      <c r="J29" s="27" t="s">
        <v>14</v>
      </c>
      <c r="K29" s="30">
        <v>29700</v>
      </c>
      <c r="L29" s="33" t="s">
        <v>48</v>
      </c>
      <c r="M29" s="34" t="s">
        <v>49</v>
      </c>
    </row>
    <row r="30" spans="1:13" ht="74.25" customHeight="1" x14ac:dyDescent="0.15">
      <c r="A30" s="7">
        <v>25</v>
      </c>
      <c r="B30" s="22" t="s">
        <v>28</v>
      </c>
      <c r="C30" s="22" t="s">
        <v>29</v>
      </c>
      <c r="D30" s="22" t="s">
        <v>15</v>
      </c>
      <c r="E30" s="23" t="s">
        <v>12</v>
      </c>
      <c r="F30" s="24" t="s">
        <v>13</v>
      </c>
      <c r="G30" s="25">
        <v>46185</v>
      </c>
      <c r="H30" s="26">
        <v>46269</v>
      </c>
      <c r="I30" s="32">
        <v>20</v>
      </c>
      <c r="J30" s="27" t="s">
        <v>14</v>
      </c>
      <c r="K30" s="30">
        <v>34800</v>
      </c>
      <c r="L30" s="33" t="s">
        <v>52</v>
      </c>
      <c r="M30" s="34" t="s">
        <v>53</v>
      </c>
    </row>
    <row r="31" spans="1:13" ht="74.25" customHeight="1" x14ac:dyDescent="0.15">
      <c r="A31" s="7">
        <v>26</v>
      </c>
      <c r="B31" s="29" t="s">
        <v>83</v>
      </c>
      <c r="C31" s="22" t="s">
        <v>84</v>
      </c>
      <c r="D31" s="22" t="s">
        <v>85</v>
      </c>
      <c r="E31" s="23" t="s">
        <v>12</v>
      </c>
      <c r="F31" s="24" t="s">
        <v>13</v>
      </c>
      <c r="G31" s="25">
        <v>46186</v>
      </c>
      <c r="H31" s="26">
        <v>46291</v>
      </c>
      <c r="I31" s="32">
        <v>20</v>
      </c>
      <c r="J31" s="27" t="s">
        <v>14</v>
      </c>
      <c r="K31" s="30">
        <v>74800</v>
      </c>
      <c r="L31" s="33" t="s">
        <v>91</v>
      </c>
      <c r="M31" s="33" t="s">
        <v>92</v>
      </c>
    </row>
    <row r="32" spans="1:13" ht="99" customHeight="1" x14ac:dyDescent="0.15">
      <c r="A32" s="7">
        <v>27</v>
      </c>
      <c r="B32" s="35" t="s">
        <v>69</v>
      </c>
      <c r="C32" s="22" t="s">
        <v>86</v>
      </c>
      <c r="D32" s="22" t="s">
        <v>23</v>
      </c>
      <c r="E32" s="23" t="s">
        <v>12</v>
      </c>
      <c r="F32" s="24" t="s">
        <v>13</v>
      </c>
      <c r="G32" s="25">
        <v>46189</v>
      </c>
      <c r="H32" s="26">
        <v>46287</v>
      </c>
      <c r="I32" s="32">
        <v>20</v>
      </c>
      <c r="J32" s="27" t="s">
        <v>14</v>
      </c>
      <c r="K32" s="30">
        <v>59400</v>
      </c>
      <c r="L32" s="33" t="s">
        <v>50</v>
      </c>
      <c r="M32" s="34" t="s">
        <v>51</v>
      </c>
    </row>
    <row r="33" spans="1:13" ht="81" customHeight="1" x14ac:dyDescent="0.15">
      <c r="A33" s="7">
        <v>28</v>
      </c>
      <c r="B33" s="22" t="s">
        <v>16</v>
      </c>
      <c r="C33" s="22" t="s">
        <v>24</v>
      </c>
      <c r="D33" s="22" t="s">
        <v>23</v>
      </c>
      <c r="E33" s="23" t="s">
        <v>12</v>
      </c>
      <c r="F33" s="24" t="s">
        <v>13</v>
      </c>
      <c r="G33" s="25">
        <v>46193</v>
      </c>
      <c r="H33" s="26">
        <v>46305</v>
      </c>
      <c r="I33" s="32">
        <v>15</v>
      </c>
      <c r="J33" s="27" t="s">
        <v>14</v>
      </c>
      <c r="K33" s="30">
        <v>88000</v>
      </c>
      <c r="L33" s="33" t="s">
        <v>42</v>
      </c>
      <c r="M33" s="34" t="s">
        <v>43</v>
      </c>
    </row>
    <row r="34" spans="1:13" ht="60.75" customHeight="1" x14ac:dyDescent="0.15">
      <c r="A34" s="7">
        <v>29</v>
      </c>
      <c r="B34" s="22" t="s">
        <v>16</v>
      </c>
      <c r="C34" s="22" t="s">
        <v>19</v>
      </c>
      <c r="D34" s="22" t="s">
        <v>18</v>
      </c>
      <c r="E34" s="23" t="s">
        <v>12</v>
      </c>
      <c r="F34" s="24" t="s">
        <v>13</v>
      </c>
      <c r="G34" s="25">
        <v>46196</v>
      </c>
      <c r="H34" s="26">
        <v>46254</v>
      </c>
      <c r="I34" s="32">
        <v>15</v>
      </c>
      <c r="J34" s="27" t="s">
        <v>14</v>
      </c>
      <c r="K34" s="30">
        <v>88000</v>
      </c>
      <c r="L34" s="33" t="s">
        <v>44</v>
      </c>
      <c r="M34" s="34" t="s">
        <v>45</v>
      </c>
    </row>
    <row r="35" spans="1:13" ht="79.5" customHeight="1" x14ac:dyDescent="0.15">
      <c r="A35" s="7">
        <v>30</v>
      </c>
      <c r="B35" s="22" t="s">
        <v>16</v>
      </c>
      <c r="C35" s="22" t="s">
        <v>30</v>
      </c>
      <c r="D35" s="22" t="s">
        <v>31</v>
      </c>
      <c r="E35" s="23" t="s">
        <v>12</v>
      </c>
      <c r="F35" s="24" t="s">
        <v>13</v>
      </c>
      <c r="G35" s="25">
        <v>46198</v>
      </c>
      <c r="H35" s="26">
        <v>46310</v>
      </c>
      <c r="I35" s="32">
        <v>20</v>
      </c>
      <c r="J35" s="27" t="s">
        <v>14</v>
      </c>
      <c r="K35" s="30">
        <v>88000</v>
      </c>
      <c r="L35" s="33" t="s">
        <v>42</v>
      </c>
      <c r="M35" s="34" t="s">
        <v>43</v>
      </c>
    </row>
    <row r="36" spans="1:13" ht="66" customHeight="1" x14ac:dyDescent="0.15">
      <c r="A36" s="7">
        <v>31</v>
      </c>
      <c r="B36" s="22" t="s">
        <v>25</v>
      </c>
      <c r="C36" s="22" t="s">
        <v>26</v>
      </c>
      <c r="D36" s="22" t="s">
        <v>27</v>
      </c>
      <c r="E36" s="23" t="s">
        <v>12</v>
      </c>
      <c r="F36" s="24" t="s">
        <v>13</v>
      </c>
      <c r="G36" s="25">
        <v>46198</v>
      </c>
      <c r="H36" s="26">
        <v>46240</v>
      </c>
      <c r="I36" s="32">
        <v>20</v>
      </c>
      <c r="J36" s="27" t="s">
        <v>14</v>
      </c>
      <c r="K36" s="30">
        <v>29700</v>
      </c>
      <c r="L36" s="33" t="s">
        <v>48</v>
      </c>
      <c r="M36" s="34" t="s">
        <v>49</v>
      </c>
    </row>
    <row r="37" spans="1:13" ht="64.5" customHeight="1" x14ac:dyDescent="0.15">
      <c r="A37" s="7">
        <v>32</v>
      </c>
      <c r="B37" s="22" t="s">
        <v>16</v>
      </c>
      <c r="C37" s="22" t="s">
        <v>34</v>
      </c>
      <c r="D37" s="22" t="s">
        <v>15</v>
      </c>
      <c r="E37" s="23" t="s">
        <v>12</v>
      </c>
      <c r="F37" s="24" t="s">
        <v>13</v>
      </c>
      <c r="G37" s="25">
        <v>46202</v>
      </c>
      <c r="H37" s="26">
        <v>46321</v>
      </c>
      <c r="I37" s="32">
        <v>15</v>
      </c>
      <c r="J37" s="27" t="s">
        <v>14</v>
      </c>
      <c r="K37" s="30">
        <v>88000</v>
      </c>
      <c r="L37" s="33" t="s">
        <v>44</v>
      </c>
      <c r="M37" s="34" t="s">
        <v>45</v>
      </c>
    </row>
    <row r="38" spans="1:13" ht="63" customHeight="1" x14ac:dyDescent="0.15">
      <c r="A38" s="7">
        <v>33</v>
      </c>
      <c r="B38" s="22" t="s">
        <v>16</v>
      </c>
      <c r="C38" s="22" t="s">
        <v>20</v>
      </c>
      <c r="D38" s="22" t="s">
        <v>17</v>
      </c>
      <c r="E38" s="23" t="s">
        <v>12</v>
      </c>
      <c r="F38" s="24" t="s">
        <v>13</v>
      </c>
      <c r="G38" s="25">
        <v>46203</v>
      </c>
      <c r="H38" s="26">
        <v>46322</v>
      </c>
      <c r="I38" s="32">
        <v>20</v>
      </c>
      <c r="J38" s="27" t="s">
        <v>14</v>
      </c>
      <c r="K38" s="30">
        <v>88000</v>
      </c>
      <c r="L38" s="33" t="s">
        <v>42</v>
      </c>
      <c r="M38" s="34" t="s">
        <v>43</v>
      </c>
    </row>
  </sheetData>
  <autoFilter ref="A5:M38" xr:uid="{00000000-0009-0000-0000-000000000000}">
    <sortState xmlns:xlrd2="http://schemas.microsoft.com/office/spreadsheetml/2017/richdata2" ref="A6:M38">
      <sortCondition ref="F5:F33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6-03-24T05:46:46Z</cp:lastPrinted>
  <dcterms:created xsi:type="dcterms:W3CDTF">2004-11-27T09:46:46Z</dcterms:created>
  <dcterms:modified xsi:type="dcterms:W3CDTF">2026-03-24T07:03:32Z</dcterms:modified>
</cp:coreProperties>
</file>